
<file path=[Content_Types].xml><?xml version="1.0" encoding="utf-8"?>
<Types xmlns="http://schemas.openxmlformats.org/package/2006/content-types"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72A5" w:rsidRDefault="008672A5">
      <w:pPr>
        <w:rPr>
          <w:b/>
        </w:rPr>
      </w:pPr>
      <w:bookmarkStart w:id="0" w:name="_GoBack"/>
      <w:bookmarkEnd w:id="0"/>
      <w:r>
        <w:rPr>
          <w:b/>
        </w:rPr>
        <w:t xml:space="preserve">Pozvánka na jednání </w:t>
      </w:r>
      <w:r w:rsidR="00D65A78">
        <w:rPr>
          <w:b/>
        </w:rPr>
        <w:t>zastupitelstva města</w:t>
      </w:r>
      <w:r>
        <w:rPr>
          <w:b/>
        </w:rPr>
        <w:t xml:space="preserve">, které se uskuteční </w:t>
      </w:r>
      <w:r w:rsidR="00D65A78">
        <w:rPr>
          <w:b/>
        </w:rPr>
        <w:t>v pondělí</w:t>
      </w:r>
      <w:r>
        <w:rPr>
          <w:b/>
        </w:rPr>
        <w:t xml:space="preserve"> dne </w:t>
      </w:r>
      <w:r w:rsidR="00D65A78">
        <w:rPr>
          <w:b/>
        </w:rPr>
        <w:t>10.6.2024</w:t>
      </w:r>
      <w:r>
        <w:rPr>
          <w:b/>
        </w:rPr>
        <w:t xml:space="preserve"> od </w:t>
      </w:r>
      <w:r w:rsidR="00D65A78">
        <w:rPr>
          <w:b/>
          <w:lang w:val="en-US"/>
        </w:rPr>
        <w:t>14.30 hodin</w:t>
      </w:r>
      <w:r>
        <w:rPr>
          <w:b/>
          <w:lang w:val="en-US"/>
        </w:rPr>
        <w:t xml:space="preserve"> </w:t>
      </w:r>
      <w:r w:rsidR="00D65A78">
        <w:rPr>
          <w:b/>
        </w:rPr>
        <w:t>v zasedací místnosti MěÚ</w:t>
      </w:r>
    </w:p>
    <w:p w:rsidR="008672A5" w:rsidRDefault="008672A5"/>
    <w:p w:rsidR="008672A5" w:rsidRDefault="008672A5">
      <w:r>
        <w:t>Program</w:t>
      </w:r>
    </w:p>
    <w:tbl>
      <w:tblPr>
        <w:tblW w:w="10414" w:type="dxa"/>
        <w:tblInd w:w="-70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70"/>
        <w:gridCol w:w="894"/>
        <w:gridCol w:w="7114"/>
        <w:gridCol w:w="2029"/>
        <w:gridCol w:w="307"/>
      </w:tblGrid>
      <w:tr w:rsidR="00D65A78" w:rsidRPr="003B445B" w:rsidTr="00D65A7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D65A78" w:rsidRPr="003B445B" w:rsidRDefault="00D65A78" w:rsidP="00D65A78">
            <w:pPr>
              <w:pBdr>
                <w:top w:val="dotted" w:sz="4" w:space="1" w:color="808080"/>
              </w:pBdr>
              <w:spacing w:before="120"/>
            </w:pPr>
            <w:r>
              <w:t>1.</w:t>
            </w:r>
            <w:r w:rsidRPr="003B445B">
              <w:t xml:space="preserve"> </w:t>
            </w:r>
            <w:r>
              <w:t>Podklady člena zastupitelstva</w:t>
            </w:r>
          </w:p>
        </w:tc>
        <w:tc>
          <w:tcPr>
            <w:tcW w:w="2336" w:type="dxa"/>
            <w:gridSpan w:val="2"/>
          </w:tcPr>
          <w:p w:rsidR="00D65A78" w:rsidRPr="003B445B" w:rsidRDefault="00D65A7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84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Informace o provedené kontrole vyúčtování dotací dle Zásad pro poskytování finančních podpor z rozpočtu města Havlíčkův Brod za r. 2022 - TSM Fanatic, Autis-HB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97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Studie FVE</w:t>
            </w:r>
          </w:p>
        </w:tc>
      </w:tr>
      <w:tr w:rsidR="00D65A78" w:rsidRPr="003B445B" w:rsidTr="00D65A7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D65A78" w:rsidRPr="003B445B" w:rsidRDefault="00D65A78" w:rsidP="00D65A78">
            <w:pPr>
              <w:pBdr>
                <w:top w:val="dotted" w:sz="4" w:space="1" w:color="808080"/>
              </w:pBdr>
              <w:spacing w:before="120"/>
            </w:pPr>
            <w:r>
              <w:t>2.</w:t>
            </w:r>
            <w:r w:rsidRPr="003B445B">
              <w:t xml:space="preserve"> </w:t>
            </w:r>
            <w:r>
              <w:t>Podklady starosty - Zbyněk Stejskal</w:t>
            </w:r>
          </w:p>
        </w:tc>
        <w:tc>
          <w:tcPr>
            <w:tcW w:w="2336" w:type="dxa"/>
            <w:gridSpan w:val="2"/>
          </w:tcPr>
          <w:p w:rsidR="00D65A78" w:rsidRPr="003B445B" w:rsidRDefault="00D65A7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98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Obecně závazná vyhláška o zákazu požívání alkoholických nápojů na veřejném prostranství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99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Plán jednání zastupitelstva města na II. pololetí 2024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100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Aktualizace Zásad pro poskytování finančních podpor z rozpočtu města Havlíčkův Brod pro rok 2025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101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Žádost o individuální dotaci - TJ SOKOL MÍROVKA (Generální opravy sportovního areálu TJ Sokol Mírovka)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102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Žádost o individuální dotaci - Tělovýchovná jednota Jiskra Havlíčkův Brod (Finanční pomoc TJ Jiskře Havlíčkův Brod)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103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měna schváleného rozpočtu a závazných ukazatelů hospodaření pro rok 2024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105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Nová vizuální identita města</w:t>
            </w:r>
          </w:p>
        </w:tc>
      </w:tr>
      <w:tr w:rsidR="00D65A78" w:rsidRPr="003B445B" w:rsidTr="00D65A7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D65A78" w:rsidRPr="003B445B" w:rsidRDefault="00D65A78" w:rsidP="00D65A78">
            <w:pPr>
              <w:pBdr>
                <w:top w:val="dotted" w:sz="4" w:space="1" w:color="808080"/>
              </w:pBdr>
              <w:spacing w:before="120"/>
            </w:pPr>
            <w:r>
              <w:t>3.</w:t>
            </w:r>
            <w:r w:rsidRPr="003B445B">
              <w:t xml:space="preserve"> </w:t>
            </w:r>
            <w:r>
              <w:t>Podklady místostarosty - Bc. Libor Honzárek</w:t>
            </w:r>
          </w:p>
        </w:tc>
        <w:tc>
          <w:tcPr>
            <w:tcW w:w="2336" w:type="dxa"/>
            <w:gridSpan w:val="2"/>
          </w:tcPr>
          <w:p w:rsidR="00D65A78" w:rsidRPr="003B445B" w:rsidRDefault="00D65A7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75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měna ÚP HB č. 144 k.ú. Havlíčkův Brod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76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měna ÚP HB č. 145 k.ú. Suchá u Havlíčkova Brodu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77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měna ÚP HB č. 146 k.ú. Havlíčkův Brod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78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měna ÚP HB č. 141 k.ú. Havlíčkův Brod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79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měna ÚP HB č. 134 k.ú. Havlíčkův Brod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80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měna ÚP HB č. 148 k.ú. Květnov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81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měna zakladatelské listiny společnosti Teplo HB s.r.o.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82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Schválení podílu města v rámci Programu regenerace městských památkových zón 2024</w:t>
            </w:r>
          </w:p>
        </w:tc>
      </w:tr>
      <w:tr w:rsidR="00D65A78" w:rsidRPr="003B445B" w:rsidTr="00D65A7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D65A78" w:rsidRPr="003B445B" w:rsidRDefault="00D65A78" w:rsidP="00D65A78">
            <w:pPr>
              <w:pBdr>
                <w:top w:val="dotted" w:sz="4" w:space="1" w:color="808080"/>
              </w:pBdr>
              <w:spacing w:before="120"/>
            </w:pPr>
            <w:r>
              <w:t>4.</w:t>
            </w:r>
            <w:r w:rsidRPr="003B445B">
              <w:t xml:space="preserve"> </w:t>
            </w:r>
            <w:r>
              <w:t>Podklady místostarosty - Ing. Vladimír Slávka</w:t>
            </w:r>
          </w:p>
        </w:tc>
        <w:tc>
          <w:tcPr>
            <w:tcW w:w="2336" w:type="dxa"/>
            <w:gridSpan w:val="2"/>
          </w:tcPr>
          <w:p w:rsidR="00D65A78" w:rsidRPr="003B445B" w:rsidRDefault="00D65A7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65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Jmenování členů školských rad - funkční období 2024-2027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66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Smluvní vztahy mezi městem Havlíčkův Brod a nestátními neziskovými organizacemi poskytujícími registrované sociální služby pro rok 2024.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67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Poskytnutí individuální dotace Radě dětí a mládeže kraje Vysočina, z.s. - 2024</w:t>
            </w:r>
          </w:p>
        </w:tc>
      </w:tr>
      <w:tr w:rsidR="00D65A78" w:rsidRPr="003B445B" w:rsidTr="00D65A7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D65A78" w:rsidRPr="003B445B" w:rsidRDefault="00D65A78" w:rsidP="00D65A78">
            <w:pPr>
              <w:pBdr>
                <w:top w:val="dotted" w:sz="4" w:space="1" w:color="808080"/>
              </w:pBdr>
              <w:spacing w:before="120"/>
            </w:pPr>
            <w:r>
              <w:t>5.</w:t>
            </w:r>
            <w:r w:rsidRPr="003B445B">
              <w:t xml:space="preserve"> </w:t>
            </w:r>
            <w:r>
              <w:t>Podklady místostarostky - Marie Rothbauerová</w:t>
            </w:r>
          </w:p>
        </w:tc>
        <w:tc>
          <w:tcPr>
            <w:tcW w:w="2336" w:type="dxa"/>
            <w:gridSpan w:val="2"/>
          </w:tcPr>
          <w:p w:rsidR="00D65A78" w:rsidRPr="003B445B" w:rsidRDefault="00D65A7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68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áměr prodeje částí pozemků - ulice Nádražní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69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áměr prodeje částí pozemků č. 2745/18 v k.ú. Havlíčkův Brod - zahrádky U Cihelny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70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áměr prodeje části pozemku č. 689/13 v k.ú. Havlíčkův Brod - ulice Za Hrnčírnou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71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áměr prodeje částí pozemků v k.ú. Havlíčkův Brod - ulice Mírová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72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áměr prodeje pozemku stč. 3976 v k.ú. Havlíčkův Brod - ulice Kokořínská + neuplatnění předkupního práva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73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áměr zřízení věcného práva stavby k pozemku - ulice Nádražní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85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áměr zřízení věcného práva stavby k pozemku - ulice Tomanova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lastRenderedPageBreak/>
              <w:t>č. 86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áměr směny pozemků - Letiště x Reynkova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87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Podání žádosti o převod pozemků - Na Ostrově - revokace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88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Prodej pozemků nebo jejich částí v k.ú. Havlíčkův Brod - Baštínov - revokace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89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Prodej části pozemku č. 526/9 v k.ú. Havlíčkův Brod - ulice Na Písku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90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Prodej pozemku č. 505/6 v k.ú. Květnov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91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Prodej pozemku č. 2781/13 v k.ú. Havlíčkův Brod - Na Riviéře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92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Směna pozemků v k.ú. Havlíčkův Brod - ulice Lidická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93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Zřízení věcného práva stavby - KD Ostrov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94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Darování částí pozemků - kino OKO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95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Koupě podílu na pozemku č. 778/86 v k.ú. Havlíčkův Brod - Pivovarské rybníčky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96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Přijetí daru od Kraje Vysočina - komunikace u JV obchvatu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r>
              <w:t>č. 104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Prodej pozemků - ZTV Suchá</w:t>
            </w:r>
          </w:p>
        </w:tc>
      </w:tr>
      <w:tr w:rsidR="00D65A78" w:rsidRPr="003B445B" w:rsidTr="00D65A78">
        <w:trPr>
          <w:gridBefore w:val="1"/>
          <w:wBefore w:w="70" w:type="dxa"/>
        </w:trPr>
        <w:tc>
          <w:tcPr>
            <w:tcW w:w="8008" w:type="dxa"/>
            <w:gridSpan w:val="2"/>
          </w:tcPr>
          <w:p w:rsidR="00D65A78" w:rsidRPr="003B445B" w:rsidRDefault="00D65A78" w:rsidP="00D65A78">
            <w:pPr>
              <w:pBdr>
                <w:top w:val="dotted" w:sz="4" w:space="1" w:color="808080"/>
              </w:pBdr>
              <w:spacing w:before="120"/>
            </w:pPr>
            <w:r>
              <w:t>6.</w:t>
            </w:r>
            <w:r w:rsidRPr="003B445B">
              <w:t xml:space="preserve"> </w:t>
            </w:r>
            <w:r>
              <w:t>Různé</w:t>
            </w:r>
          </w:p>
        </w:tc>
        <w:tc>
          <w:tcPr>
            <w:tcW w:w="2336" w:type="dxa"/>
            <w:gridSpan w:val="2"/>
          </w:tcPr>
          <w:p w:rsidR="00D65A78" w:rsidRPr="003B445B" w:rsidRDefault="00D65A78">
            <w:pPr>
              <w:pBdr>
                <w:top w:val="dotted" w:sz="4" w:space="1" w:color="808080"/>
              </w:pBdr>
              <w:spacing w:before="120"/>
              <w:jc w:val="right"/>
            </w:pPr>
            <w:r>
              <w:t xml:space="preserve"> </w:t>
            </w:r>
          </w:p>
        </w:tc>
      </w:tr>
      <w:tr w:rsidR="00D65A78" w:rsidRPr="003B445B" w:rsidTr="00D65A78">
        <w:tblPrEx>
          <w:tblCellMar>
            <w:left w:w="70" w:type="dxa"/>
            <w:right w:w="70" w:type="dxa"/>
          </w:tblCellMar>
        </w:tblPrEx>
        <w:trPr>
          <w:gridAfter w:val="1"/>
          <w:wAfter w:w="307" w:type="dxa"/>
        </w:trPr>
        <w:tc>
          <w:tcPr>
            <w:tcW w:w="964" w:type="dxa"/>
            <w:gridSpan w:val="2"/>
          </w:tcPr>
          <w:p w:rsidR="00D65A78" w:rsidRPr="003B445B" w:rsidRDefault="00D65A78">
            <w:pPr>
              <w:jc w:val="right"/>
            </w:pPr>
            <w:bookmarkStart w:id="1" w:name="pTemp"/>
            <w:bookmarkEnd w:id="1"/>
            <w:r>
              <w:t>č. 83</w:t>
            </w:r>
          </w:p>
        </w:tc>
        <w:tc>
          <w:tcPr>
            <w:tcW w:w="9143" w:type="dxa"/>
            <w:gridSpan w:val="2"/>
          </w:tcPr>
          <w:p w:rsidR="00D65A78" w:rsidRPr="003B445B" w:rsidRDefault="00D65A78">
            <w:r>
              <w:t>Informace o přípravách jihozápadního segmentu obchvatu</w:t>
            </w:r>
          </w:p>
        </w:tc>
      </w:tr>
    </w:tbl>
    <w:p w:rsidR="00D65A78" w:rsidRDefault="00D65A78"/>
    <w:p w:rsidR="008672A5" w:rsidRDefault="008672A5">
      <w:pPr>
        <w:pStyle w:val="Zpat"/>
        <w:tabs>
          <w:tab w:val="clear" w:pos="4536"/>
          <w:tab w:val="clear" w:pos="9072"/>
        </w:tabs>
      </w:pPr>
      <w:bookmarkStart w:id="2" w:name="pKonec"/>
      <w:bookmarkEnd w:id="2"/>
      <w:r>
        <w:t>S pozdravem</w:t>
      </w:r>
    </w:p>
    <w:p w:rsidR="008672A5" w:rsidRDefault="008672A5"/>
    <w:p w:rsidR="008672A5" w:rsidRDefault="008672A5"/>
    <w:p w:rsidR="008672A5" w:rsidRDefault="008672A5"/>
    <w:p w:rsidR="008672A5" w:rsidRDefault="008672A5"/>
    <w:p w:rsidR="008672A5" w:rsidRDefault="008672A5">
      <w:pPr>
        <w:tabs>
          <w:tab w:val="center" w:pos="6663"/>
        </w:tabs>
      </w:pPr>
      <w:r>
        <w:tab/>
      </w:r>
      <w:r w:rsidR="00955475">
        <w:t>Zbyněk Stejskal</w:t>
      </w:r>
      <w:r w:rsidR="007F00D8">
        <w:t>, v. r.</w:t>
      </w:r>
    </w:p>
    <w:p w:rsidR="008672A5" w:rsidRDefault="007B0989">
      <w:pPr>
        <w:tabs>
          <w:tab w:val="center" w:pos="6663"/>
        </w:tabs>
      </w:pPr>
      <w:r>
        <w:tab/>
        <w:t>starost</w:t>
      </w:r>
      <w:r w:rsidR="008672A5">
        <w:t>a</w:t>
      </w:r>
    </w:p>
    <w:p w:rsidR="008672A5" w:rsidRDefault="008672A5"/>
    <w:sectPr w:rsidR="008672A5">
      <w:headerReference w:type="default" r:id="rId6"/>
      <w:headerReference w:type="first" r:id="rId7"/>
      <w:footerReference w:type="first" r:id="rId8"/>
      <w:pgSz w:w="11906" w:h="16838" w:code="9"/>
      <w:pgMar w:top="1242" w:right="851" w:bottom="1134" w:left="851" w:header="567" w:footer="919" w:gutter="0"/>
      <w:cols w:space="72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B3D81" w:rsidRDefault="001B3D81">
      <w:r>
        <w:separator/>
      </w:r>
    </w:p>
  </w:endnote>
  <w:endnote w:type="continuationSeparator" w:id="0">
    <w:p w:rsidR="001B3D81" w:rsidRDefault="001B3D8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Trebuchet MS">
    <w:panose1 w:val="020B0603020202020204"/>
    <w:charset w:val="EE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672A5" w:rsidRDefault="008672A5">
    <w:pPr>
      <w:pStyle w:val="Zhlav"/>
      <w:pBdr>
        <w:top w:val="single" w:sz="4" w:space="1" w:color="auto"/>
      </w:pBdr>
    </w:pPr>
    <w:r>
      <w:t xml:space="preserve">Městský úřad, Havlíčkovo náměstí 57, 580 61 Havlíčkův Brod 2,  tel. 569 497 111, fax 569 497 197, </w:t>
    </w:r>
  </w:p>
  <w:p w:rsidR="008672A5" w:rsidRDefault="008672A5">
    <w:pPr>
      <w:pStyle w:val="Zhlav"/>
      <w:pBdr>
        <w:top w:val="single" w:sz="4" w:space="1" w:color="auto"/>
      </w:pBdr>
    </w:pPr>
    <w:r>
      <w:t xml:space="preserve">e-mail posta@muhb.cz, </w:t>
    </w:r>
    <w:hyperlink r:id="rId1" w:history="1">
      <w:r>
        <w:t>http://www.muhb.cz</w:t>
      </w:r>
    </w:hyperlink>
    <w:r>
      <w:t>, IČ: 0026 7449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B3D81" w:rsidRDefault="001B3D81">
      <w:r>
        <w:separator/>
      </w:r>
    </w:p>
  </w:footnote>
  <w:footnote w:type="continuationSeparator" w:id="0">
    <w:p w:rsidR="001B3D81" w:rsidRDefault="001B3D81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1771"/>
      <w:gridCol w:w="5812"/>
      <w:gridCol w:w="2693"/>
    </w:tblGrid>
    <w:tr w:rsidR="008672A5">
      <w:trPr>
        <w:cantSplit/>
      </w:trPr>
      <w:tc>
        <w:tcPr>
          <w:tcW w:w="10276" w:type="dxa"/>
          <w:gridSpan w:val="3"/>
        </w:tcPr>
        <w:p w:rsidR="008672A5" w:rsidRDefault="008672A5">
          <w:pPr>
            <w:pStyle w:val="Zhlav"/>
          </w:pPr>
          <w:r>
            <w:t xml:space="preserve">Město Havlíčkův Brod, Havlíčkovo náměstí 57, 580 61 Havlíčkův Brod 2, 569 497 111, </w:t>
          </w:r>
          <w:hyperlink r:id="rId1" w:history="1">
            <w:r>
              <w:t>http://www.</w:t>
            </w:r>
            <w:bookmarkStart w:id="3" w:name="_Hlt467493132"/>
            <w:r>
              <w:t>m</w:t>
            </w:r>
            <w:bookmarkEnd w:id="3"/>
            <w:r>
              <w:t>uhb.cz</w:t>
            </w:r>
          </w:hyperlink>
        </w:p>
      </w:tc>
    </w:tr>
    <w:tr w:rsidR="008672A5">
      <w:tc>
        <w:tcPr>
          <w:tcW w:w="1771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</w:pPr>
          <w:r>
            <w:t xml:space="preserve">Strana </w:t>
          </w:r>
          <w:r>
            <w:fldChar w:fldCharType="begin"/>
          </w:r>
          <w:r>
            <w:instrText xml:space="preserve"> PAGE </w:instrText>
          </w:r>
          <w:r>
            <w:fldChar w:fldCharType="separate"/>
          </w:r>
          <w:r w:rsidR="00162D0F">
            <w:rPr>
              <w:noProof/>
            </w:rPr>
            <w:t>2</w:t>
          </w:r>
          <w:r>
            <w:fldChar w:fldCharType="end"/>
          </w:r>
        </w:p>
      </w:tc>
      <w:tc>
        <w:tcPr>
          <w:tcW w:w="5812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center"/>
          </w:pPr>
        </w:p>
      </w:tc>
      <w:tc>
        <w:tcPr>
          <w:tcW w:w="2693" w:type="dxa"/>
          <w:tcBorders>
            <w:bottom w:val="single" w:sz="4" w:space="0" w:color="auto"/>
          </w:tcBorders>
        </w:tcPr>
        <w:p w:rsidR="008672A5" w:rsidRDefault="008672A5">
          <w:pPr>
            <w:pStyle w:val="Zhlav"/>
            <w:jc w:val="right"/>
          </w:pPr>
        </w:p>
      </w:tc>
    </w:tr>
  </w:tbl>
  <w:p w:rsidR="008672A5" w:rsidRDefault="008672A5">
    <w:pPr>
      <w:pStyle w:val="Zhlav"/>
      <w:rPr>
        <w:noProof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0" w:type="auto"/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055"/>
      <w:gridCol w:w="5245"/>
      <w:gridCol w:w="2976"/>
    </w:tblGrid>
    <w:tr w:rsidR="008672A5">
      <w:trPr>
        <w:cantSplit/>
        <w:trHeight w:hRule="exact" w:val="1871"/>
      </w:trPr>
      <w:tc>
        <w:tcPr>
          <w:tcW w:w="2055" w:type="dxa"/>
        </w:tcPr>
        <w:p w:rsidR="008672A5" w:rsidRDefault="001B3D81">
          <w:pPr>
            <w:pStyle w:val="Zhlav"/>
          </w:pPr>
          <w:r>
            <w:pict>
              <v:shapetype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_x0000_s2049" type="#_x0000_t75" style="position:absolute;margin-left:28.35pt;margin-top:28.35pt;width:540pt;height:79.7pt;z-index:1;mso-position-horizontal-relative:page;mso-position-vertical-relative:page" o:allowincell="f" fillcolor="window">
                <v:imagedata r:id="rId1" o:title="MHB"/>
                <w10:wrap type="topAndBottom" anchorx="page" anchory="page"/>
                <w10:anchorlock/>
              </v:shape>
            </w:pict>
          </w:r>
          <w:r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_x0000_s2050" type="#_x0000_t202" style="position:absolute;margin-left:104.3pt;margin-top:46.65pt;width:367.2pt;height:40.2pt;z-index:2" o:allowincell="f" filled="f" stroked="f">
                <v:textbox style="mso-next-textbox:#_x0000_s2050" inset="0,0,0,0">
                  <w:txbxContent>
                    <w:p w:rsidR="008672A5" w:rsidRDefault="008672A5">
                      <w:pPr>
                        <w:pStyle w:val="Odbor"/>
                        <w:rPr>
                          <w:lang w:val="en-US"/>
                        </w:rPr>
                      </w:pPr>
                      <w:r>
                        <w:rPr>
                          <w:lang w:val="en-US"/>
                        </w:rPr>
                        <w:t>POZVÁNKA NA JEDNÁNÍ</w:t>
                      </w:r>
                    </w:p>
                  </w:txbxContent>
                </v:textbox>
              </v:shape>
            </w:pict>
          </w:r>
        </w:p>
      </w:tc>
      <w:tc>
        <w:tcPr>
          <w:tcW w:w="5245" w:type="dxa"/>
        </w:tcPr>
        <w:p w:rsidR="008672A5" w:rsidRDefault="008672A5">
          <w:pPr>
            <w:pStyle w:val="Zhlav"/>
          </w:pPr>
        </w:p>
      </w:tc>
      <w:tc>
        <w:tcPr>
          <w:tcW w:w="2976" w:type="dxa"/>
        </w:tcPr>
        <w:p w:rsidR="008672A5" w:rsidRDefault="008672A5">
          <w:pPr>
            <w:pStyle w:val="Zhlav"/>
          </w:pPr>
        </w:p>
      </w:tc>
    </w:tr>
  </w:tbl>
  <w:p w:rsidR="008672A5" w:rsidRDefault="008672A5">
    <w:pPr>
      <w:pStyle w:val="Zhlav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zoom w:percent="100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revisionView w:inkAnnotations="0"/>
  <w:doNotTrackMoves/>
  <w:defaultTabStop w:val="708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1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D65A78"/>
    <w:rsid w:val="00162D0F"/>
    <w:rsid w:val="001B3D81"/>
    <w:rsid w:val="00656973"/>
    <w:rsid w:val="00785FF8"/>
    <w:rsid w:val="007B0989"/>
    <w:rsid w:val="007F00D8"/>
    <w:rsid w:val="00815816"/>
    <w:rsid w:val="008672A5"/>
    <w:rsid w:val="008B5BB9"/>
    <w:rsid w:val="00955475"/>
    <w:rsid w:val="00A6758A"/>
    <w:rsid w:val="00D65A78"/>
    <w:rsid w:val="00E647C3"/>
    <w:rsid w:val="00FB68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1"/>
    <o:shapelayout v:ext="edit">
      <o:idmap v:ext="edit" data="1"/>
    </o:shapelayout>
  </w:shapeDefaults>
  <w:decimalSymbol w:val=","/>
  <w:listSeparator w:val=";"/>
  <w15:chartTrackingRefBased/>
  <w15:docId w15:val="{E9E24BA3-C7CF-4094-A24A-2C12CE985C1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cs-CZ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ln">
    <w:name w:val="Normal"/>
    <w:qFormat/>
    <w:rPr>
      <w:rFonts w:ascii="Trebuchet MS" w:hAnsi="Trebuchet MS"/>
      <w:sz w:val="24"/>
    </w:rPr>
  </w:style>
  <w:style w:type="character" w:default="1" w:styleId="Standardnpsmoodstavce">
    <w:name w:val="Default Paragraph Font"/>
    <w:uiPriority w:val="1"/>
    <w:semiHidden/>
    <w:unhideWhenUsed/>
  </w:style>
  <w:style w:type="table" w:default="1" w:styleId="Normlntabulk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seznamu">
    <w:name w:val="No List"/>
    <w:uiPriority w:val="99"/>
    <w:semiHidden/>
    <w:unhideWhenUsed/>
  </w:style>
  <w:style w:type="paragraph" w:styleId="Zhlav">
    <w:name w:val="header"/>
    <w:basedOn w:val="Normln"/>
    <w:pPr>
      <w:spacing w:line="240" w:lineRule="exact"/>
    </w:pPr>
    <w:rPr>
      <w:sz w:val="20"/>
    </w:rPr>
  </w:style>
  <w:style w:type="paragraph" w:styleId="Zpat">
    <w:name w:val="footer"/>
    <w:basedOn w:val="Normln"/>
    <w:pPr>
      <w:tabs>
        <w:tab w:val="center" w:pos="4536"/>
        <w:tab w:val="right" w:pos="9072"/>
      </w:tabs>
      <w:spacing w:line="260" w:lineRule="exact"/>
    </w:pPr>
    <w:rPr>
      <w:sz w:val="22"/>
    </w:rPr>
  </w:style>
  <w:style w:type="paragraph" w:customStyle="1" w:styleId="Odbor">
    <w:name w:val="Odbor"/>
    <w:basedOn w:val="Normln"/>
    <w:pPr>
      <w:spacing w:line="280" w:lineRule="exact"/>
      <w:jc w:val="center"/>
    </w:pPr>
    <w:rPr>
      <w:b/>
      <w:spacing w:val="60"/>
      <w:sz w:val="22"/>
    </w:rPr>
  </w:style>
  <w:style w:type="paragraph" w:styleId="Textbubliny">
    <w:name w:val="Balloon Text"/>
    <w:basedOn w:val="Normln"/>
    <w:link w:val="TextbublinyChar"/>
    <w:rsid w:val="00162D0F"/>
    <w:rPr>
      <w:rFonts w:ascii="Segoe UI" w:hAnsi="Segoe UI" w:cs="Segoe UI"/>
      <w:sz w:val="18"/>
      <w:szCs w:val="18"/>
    </w:rPr>
  </w:style>
  <w:style w:type="character" w:customStyle="1" w:styleId="TextbublinyChar">
    <w:name w:val="Text bubliny Char"/>
    <w:link w:val="Textbubliny"/>
    <w:rsid w:val="00162D0F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10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hyperlink" Target="http://www.muhb.cz" TargetMode="Externa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w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\\s011\sablony$\muhb\podklady\pozvanka.dot" TargetMode="External"/></Relationships>
</file>

<file path=word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ozvanka</Template>
  <TotalTime>0</TotalTime>
  <Pages>2</Pages>
  <Words>476</Words>
  <Characters>2810</Characters>
  <Application>Microsoft Office Word</Application>
  <DocSecurity>0</DocSecurity>
  <Lines>23</Lines>
  <Paragraphs>6</Paragraphs>
  <ScaleCrop>false</ScaleCrop>
  <HeadingPairs>
    <vt:vector size="2" baseType="variant">
      <vt:variant>
        <vt:lpstr>Název</vt:lpstr>
      </vt:variant>
      <vt:variant>
        <vt:i4>1</vt:i4>
      </vt:variant>
    </vt:vector>
  </HeadingPairs>
  <TitlesOfParts>
    <vt:vector size="1" baseType="lpstr">
      <vt:lpstr>Pozvánka na jednání [sZNA], které se uskuteční [sDenVTydnu] dne [vDAT] od [sHOD] [SKde]</vt:lpstr>
    </vt:vector>
  </TitlesOfParts>
  <Company>Městský úřad v Havlíčkově Brodě</Company>
  <LinksUpToDate>false</LinksUpToDate>
  <CharactersWithSpaces>3280</CharactersWithSpaces>
  <SharedDoc>false</SharedDoc>
  <HLinks>
    <vt:vector size="12" baseType="variant">
      <vt:variant>
        <vt:i4>7995428</vt:i4>
      </vt:variant>
      <vt:variant>
        <vt:i4>6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  <vt:variant>
        <vt:i4>7995428</vt:i4>
      </vt:variant>
      <vt:variant>
        <vt:i4>0</vt:i4>
      </vt:variant>
      <vt:variant>
        <vt:i4>0</vt:i4>
      </vt:variant>
      <vt:variant>
        <vt:i4>5</vt:i4>
      </vt:variant>
      <vt:variant>
        <vt:lpwstr>http://www.muhb.cz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zvánka na jednání [sZNA], které se uskuteční [sDenVTydnu] dne [vDAT] od [sHOD] [SKde]</dc:title>
  <dc:subject/>
  <dc:creator>Benešová Erika Mgr.</dc:creator>
  <cp:keywords/>
  <dc:description/>
  <cp:lastModifiedBy>Sobotková Petra</cp:lastModifiedBy>
  <cp:revision>2</cp:revision>
  <cp:lastPrinted>2024-05-31T10:22:00Z</cp:lastPrinted>
  <dcterms:created xsi:type="dcterms:W3CDTF">2024-05-31T10:23:00Z</dcterms:created>
  <dcterms:modified xsi:type="dcterms:W3CDTF">2024-05-31T10:23:00Z</dcterms:modified>
</cp:coreProperties>
</file>